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877776" w:rsidRDefault="00ED239D">
      <w:bookmarkStart w:id="0" w:name="_GoBack"/>
      <w:r>
        <w:rPr>
          <w:noProof/>
          <w:lang w:eastAsia="ru-RU"/>
        </w:rPr>
        <w:drawing>
          <wp:inline distT="0" distB="0" distL="0" distR="0" wp14:anchorId="5D0A9510" wp14:editId="7A0563F2">
            <wp:extent cx="8690775" cy="6150810"/>
            <wp:effectExtent l="0" t="0" r="0" b="2540"/>
            <wp:docPr id="1" name="Рисунок 1" descr="C:\Users\s51001\Desktop\6895837-10782754-1078278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51001\Desktop\6895837-10782754-10782788.jp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690573" cy="615066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0"/>
    </w:p>
    <w:sectPr w:rsidR="00877776" w:rsidSect="00ED239D">
      <w:pgSz w:w="16838" w:h="11906" w:orient="landscape"/>
      <w:pgMar w:top="709" w:right="1134" w:bottom="850" w:left="1134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CC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grammar="clean"/>
  <w:defaultTabStop w:val="708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ED239D"/>
    <w:rsid w:val="00877776"/>
    <w:rsid w:val="00ED239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ED239D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4">
    <w:name w:val="Текст выноски Знак"/>
    <w:basedOn w:val="a0"/>
    <w:link w:val="a3"/>
    <w:uiPriority w:val="99"/>
    <w:semiHidden/>
    <w:rsid w:val="00ED239D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ED239D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4">
    <w:name w:val="Текст выноски Знак"/>
    <w:basedOn w:val="a0"/>
    <w:link w:val="a3"/>
    <w:uiPriority w:val="99"/>
    <w:semiHidden/>
    <w:rsid w:val="00ED239D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0</Words>
  <Characters>1</Characters>
  <Application>Microsoft Office Word</Application>
  <DocSecurity>0</DocSecurity>
  <Lines>1</Lines>
  <Paragraphs>1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Саенко Сергей Викторович</dc:creator>
  <cp:lastModifiedBy>Саенко Сергей Викторович</cp:lastModifiedBy>
  <cp:revision>1</cp:revision>
  <dcterms:created xsi:type="dcterms:W3CDTF">2017-03-10T08:53:00Z</dcterms:created>
  <dcterms:modified xsi:type="dcterms:W3CDTF">2017-03-10T08:54:00Z</dcterms:modified>
</cp:coreProperties>
</file>